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71"/>
  <workbookPr/>
  <mc:AlternateContent xmlns:mc="http://schemas.openxmlformats.org/markup-compatibility/2006">
    <mc:Choice Requires="x15">
      <x15ac:absPath xmlns:x15ac="http://schemas.microsoft.com/office/spreadsheetml/2010/11/ac" url="\\NE16VW2410\Share$\i001811\Desktop\"/>
    </mc:Choice>
  </mc:AlternateContent>
  <xr:revisionPtr revIDLastSave="0" documentId="13_ncr:1_{C1B1293D-DE49-4444-B860-C368308ED0C8}" xr6:coauthVersionLast="36" xr6:coauthVersionMax="36" xr10:uidLastSave="{00000000-0000-0000-0000-000000000000}"/>
  <bookViews>
    <workbookView xWindow="0" yWindow="0" windowWidth="15345" windowHeight="6735" xr2:uid="{00000000-000D-0000-FFFF-FFFF00000000}"/>
  </bookViews>
  <sheets>
    <sheet name="7-1-1" sheetId="2" r:id="rId1"/>
    <sheet name="7-1-2" sheetId="3" r:id="rId2"/>
  </sheets>
  <definedNames>
    <definedName name="_xlnm.Print_Area" localSheetId="0">'7-1-1'!$A$3:$G$50</definedName>
    <definedName name="_xlnm.Print_Area" localSheetId="1">'7-1-2'!$A$3:$H$1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1" uniqueCount="51">
  <si>
    <t>7社会福祉－1生活保護</t>
    <phoneticPr fontId="4"/>
  </si>
  <si>
    <t>1 生活保護の状況</t>
    <rPh sb="2" eb="4">
      <t>セイカツ</t>
    </rPh>
    <rPh sb="4" eb="6">
      <t>ホゴ</t>
    </rPh>
    <rPh sb="7" eb="9">
      <t>ジョウキョウ</t>
    </rPh>
    <phoneticPr fontId="4"/>
  </si>
  <si>
    <t>各年度末日現在　   単位：千円</t>
  </si>
  <si>
    <t>年　　　　度</t>
    <rPh sb="0" eb="1">
      <t>トシ</t>
    </rPh>
    <rPh sb="5" eb="6">
      <t>タビ</t>
    </rPh>
    <phoneticPr fontId="4"/>
  </si>
  <si>
    <t>平　　27</t>
  </si>
  <si>
    <t>平　　28</t>
    <phoneticPr fontId="4"/>
  </si>
  <si>
    <t>平　　29</t>
    <phoneticPr fontId="4"/>
  </si>
  <si>
    <t>平　　30</t>
  </si>
  <si>
    <t>被保護世帯</t>
    <rPh sb="0" eb="1">
      <t>ヒ</t>
    </rPh>
    <rPh sb="1" eb="3">
      <t>ホゴ</t>
    </rPh>
    <rPh sb="3" eb="5">
      <t>セタイ</t>
    </rPh>
    <phoneticPr fontId="4"/>
  </si>
  <si>
    <t>被保護人員</t>
    <rPh sb="0" eb="1">
      <t>ヒ</t>
    </rPh>
    <rPh sb="1" eb="3">
      <t>ホゴ</t>
    </rPh>
    <rPh sb="3" eb="5">
      <t>ジンイン</t>
    </rPh>
    <phoneticPr fontId="4"/>
  </si>
  <si>
    <t>年間保護費支給額</t>
    <rPh sb="0" eb="2">
      <t>ネンカン</t>
    </rPh>
    <rPh sb="2" eb="5">
      <t>ホゴヒ</t>
    </rPh>
    <rPh sb="5" eb="6">
      <t>ササ</t>
    </rPh>
    <rPh sb="6" eb="7">
      <t>キュウ</t>
    </rPh>
    <rPh sb="7" eb="8">
      <t>ガク</t>
    </rPh>
    <phoneticPr fontId="4"/>
  </si>
  <si>
    <t>生活扶助費</t>
    <rPh sb="0" eb="2">
      <t>セイカツ</t>
    </rPh>
    <rPh sb="2" eb="5">
      <t>フジョヒ</t>
    </rPh>
    <phoneticPr fontId="4"/>
  </si>
  <si>
    <t>世帯数</t>
    <rPh sb="0" eb="3">
      <t>セタイスウ</t>
    </rPh>
    <phoneticPr fontId="4"/>
  </si>
  <si>
    <t>人員</t>
    <rPh sb="0" eb="2">
      <t>ジンイン</t>
    </rPh>
    <phoneticPr fontId="4"/>
  </si>
  <si>
    <t>支給額</t>
    <rPh sb="0" eb="3">
      <t>シキュウガク</t>
    </rPh>
    <phoneticPr fontId="4"/>
  </si>
  <si>
    <t>住宅扶助費</t>
    <rPh sb="0" eb="2">
      <t>ジュウタク</t>
    </rPh>
    <rPh sb="2" eb="5">
      <t>フジョヒ</t>
    </rPh>
    <phoneticPr fontId="4"/>
  </si>
  <si>
    <t>医療扶助費</t>
    <rPh sb="0" eb="2">
      <t>イリョウ</t>
    </rPh>
    <rPh sb="2" eb="5">
      <t>フジョヒ</t>
    </rPh>
    <phoneticPr fontId="4"/>
  </si>
  <si>
    <t>生業扶助費</t>
    <rPh sb="0" eb="2">
      <t>セイギョウ</t>
    </rPh>
    <rPh sb="2" eb="5">
      <t>フジョヒ</t>
    </rPh>
    <phoneticPr fontId="4"/>
  </si>
  <si>
    <t>葬祭扶助費</t>
    <rPh sb="0" eb="2">
      <t>ソウサイ</t>
    </rPh>
    <rPh sb="2" eb="5">
      <t>フジョヒ</t>
    </rPh>
    <phoneticPr fontId="4"/>
  </si>
  <si>
    <t>出産扶助費</t>
    <rPh sb="0" eb="2">
      <t>シュッサン</t>
    </rPh>
    <rPh sb="2" eb="5">
      <t>フジョヒ</t>
    </rPh>
    <phoneticPr fontId="4"/>
  </si>
  <si>
    <t>-</t>
  </si>
  <si>
    <t>-</t>
    <phoneticPr fontId="4"/>
  </si>
  <si>
    <t>教育扶助費</t>
    <rPh sb="0" eb="2">
      <t>キョウイク</t>
    </rPh>
    <rPh sb="2" eb="5">
      <t>フジョヒ</t>
    </rPh>
    <phoneticPr fontId="4"/>
  </si>
  <si>
    <t>介護扶助費</t>
    <rPh sb="0" eb="2">
      <t>カイゴ</t>
    </rPh>
    <rPh sb="2" eb="5">
      <t>フジョヒ</t>
    </rPh>
    <phoneticPr fontId="4"/>
  </si>
  <si>
    <t>施設事務費</t>
    <rPh sb="0" eb="2">
      <t>シセツ</t>
    </rPh>
    <rPh sb="2" eb="5">
      <t>ジムヒ</t>
    </rPh>
    <phoneticPr fontId="4"/>
  </si>
  <si>
    <t>生活支援給付</t>
    <rPh sb="0" eb="2">
      <t>セイカツ</t>
    </rPh>
    <rPh sb="2" eb="4">
      <t>シエン</t>
    </rPh>
    <rPh sb="4" eb="6">
      <t>キュウフ</t>
    </rPh>
    <phoneticPr fontId="4"/>
  </si>
  <si>
    <t>住宅支援給付</t>
    <rPh sb="0" eb="2">
      <t>ジュウタク</t>
    </rPh>
    <rPh sb="2" eb="4">
      <t>シエン</t>
    </rPh>
    <rPh sb="4" eb="6">
      <t>キュウフ</t>
    </rPh>
    <phoneticPr fontId="4"/>
  </si>
  <si>
    <t>医療支援給付</t>
    <rPh sb="0" eb="2">
      <t>イリョウ</t>
    </rPh>
    <rPh sb="2" eb="4">
      <t>シエン</t>
    </rPh>
    <rPh sb="4" eb="6">
      <t>キュウフ</t>
    </rPh>
    <phoneticPr fontId="4"/>
  </si>
  <si>
    <t>就労自立給付</t>
    <rPh sb="0" eb="2">
      <t>シュウロウ</t>
    </rPh>
    <rPh sb="2" eb="4">
      <t>ジリツ</t>
    </rPh>
    <rPh sb="4" eb="6">
      <t>キュウフ</t>
    </rPh>
    <phoneticPr fontId="4"/>
  </si>
  <si>
    <t>進学準備金給付</t>
    <rPh sb="0" eb="5">
      <t>シンガクジュンビキン</t>
    </rPh>
    <rPh sb="5" eb="7">
      <t>キュウフ</t>
    </rPh>
    <phoneticPr fontId="4"/>
  </si>
  <si>
    <t>-</t>
    <phoneticPr fontId="1"/>
  </si>
  <si>
    <t>資料：福祉課　</t>
  </si>
  <si>
    <t>令　 元</t>
    <rPh sb="0" eb="1">
      <t>レイ</t>
    </rPh>
    <rPh sb="3" eb="4">
      <t>ガン</t>
    </rPh>
    <phoneticPr fontId="1"/>
  </si>
  <si>
    <t>割合（％）</t>
    <rPh sb="0" eb="2">
      <t>ワリアイ</t>
    </rPh>
    <phoneticPr fontId="4"/>
  </si>
  <si>
    <t>世     帯</t>
    <rPh sb="0" eb="1">
      <t>ヨ</t>
    </rPh>
    <rPh sb="6" eb="7">
      <t>オビ</t>
    </rPh>
    <phoneticPr fontId="4"/>
  </si>
  <si>
    <t>計</t>
    <rPh sb="0" eb="1">
      <t>ケイ</t>
    </rPh>
    <phoneticPr fontId="4"/>
  </si>
  <si>
    <t>転出</t>
    <rPh sb="0" eb="2">
      <t>テンシュツ</t>
    </rPh>
    <phoneticPr fontId="4"/>
  </si>
  <si>
    <t>その他</t>
    <rPh sb="2" eb="3">
      <t>タ</t>
    </rPh>
    <phoneticPr fontId="4"/>
  </si>
  <si>
    <t>施設入所</t>
    <rPh sb="0" eb="2">
      <t>シセツ</t>
    </rPh>
    <rPh sb="2" eb="4">
      <t>ニュウショ</t>
    </rPh>
    <phoneticPr fontId="4"/>
  </si>
  <si>
    <t>死亡・失踪</t>
    <rPh sb="0" eb="2">
      <t>シボウ</t>
    </rPh>
    <rPh sb="3" eb="5">
      <t>シッソウ</t>
    </rPh>
    <phoneticPr fontId="4"/>
  </si>
  <si>
    <t>年金、手当等の増加・取得</t>
    <rPh sb="0" eb="2">
      <t>ネンキン</t>
    </rPh>
    <rPh sb="3" eb="5">
      <t>テアテ</t>
    </rPh>
    <rPh sb="5" eb="6">
      <t>トウ</t>
    </rPh>
    <rPh sb="7" eb="9">
      <t>ゾウカ</t>
    </rPh>
    <rPh sb="10" eb="12">
      <t>シュトク</t>
    </rPh>
    <phoneticPr fontId="4"/>
  </si>
  <si>
    <t>働きによる収入の増加・取得</t>
    <rPh sb="0" eb="1">
      <t>ハタラ</t>
    </rPh>
    <rPh sb="5" eb="7">
      <t>シュウニュウ</t>
    </rPh>
    <rPh sb="8" eb="10">
      <t>ゾウカ</t>
    </rPh>
    <rPh sb="11" eb="13">
      <t>シュトク</t>
    </rPh>
    <phoneticPr fontId="4"/>
  </si>
  <si>
    <t>廃止の原因</t>
    <rPh sb="0" eb="2">
      <t>ハイシ</t>
    </rPh>
    <rPh sb="3" eb="5">
      <t>ゲンイン</t>
    </rPh>
    <phoneticPr fontId="4"/>
  </si>
  <si>
    <t>転入</t>
    <rPh sb="0" eb="2">
      <t>テンニュウ</t>
    </rPh>
    <phoneticPr fontId="4"/>
  </si>
  <si>
    <t>年金・仕送りなどの減少・喪失</t>
    <rPh sb="0" eb="2">
      <t>ネンキン</t>
    </rPh>
    <rPh sb="3" eb="5">
      <t>シオク</t>
    </rPh>
    <rPh sb="9" eb="11">
      <t>ゲンショウ</t>
    </rPh>
    <rPh sb="12" eb="14">
      <t>ソウシツ</t>
    </rPh>
    <phoneticPr fontId="4"/>
  </si>
  <si>
    <t>働きによる収入の減少・喪失</t>
    <rPh sb="0" eb="1">
      <t>ハタラ</t>
    </rPh>
    <rPh sb="5" eb="7">
      <t>シュウニュウ</t>
    </rPh>
    <rPh sb="8" eb="10">
      <t>ゲンショウ</t>
    </rPh>
    <rPh sb="11" eb="13">
      <t>ソウシツ</t>
    </rPh>
    <phoneticPr fontId="4"/>
  </si>
  <si>
    <t>働いていた者の死亡・離別・不在</t>
    <rPh sb="0" eb="1">
      <t>ハタラ</t>
    </rPh>
    <rPh sb="5" eb="6">
      <t>モノ</t>
    </rPh>
    <rPh sb="7" eb="9">
      <t>シボウ</t>
    </rPh>
    <rPh sb="10" eb="12">
      <t>リベツ</t>
    </rPh>
    <rPh sb="13" eb="15">
      <t>フザイ</t>
    </rPh>
    <phoneticPr fontId="4"/>
  </si>
  <si>
    <t>世帯主・世帯員の傷病</t>
    <rPh sb="0" eb="3">
      <t>セタイヌシ</t>
    </rPh>
    <rPh sb="4" eb="7">
      <t>セタイイン</t>
    </rPh>
    <rPh sb="8" eb="10">
      <t>ショウビョウ</t>
    </rPh>
    <phoneticPr fontId="4"/>
  </si>
  <si>
    <t>開始の原因</t>
    <rPh sb="0" eb="2">
      <t>カイシ</t>
    </rPh>
    <rPh sb="3" eb="5">
      <t>ゲンイン</t>
    </rPh>
    <phoneticPr fontId="4"/>
  </si>
  <si>
    <t>令和元年度</t>
  </si>
  <si>
    <t>2 生活保護開始、廃止の原因別構成（世帯）</t>
    <rPh sb="2" eb="4">
      <t>セイカツ</t>
    </rPh>
    <rPh sb="4" eb="6">
      <t>ホゴ</t>
    </rPh>
    <rPh sb="6" eb="8">
      <t>カイシ</t>
    </rPh>
    <rPh sb="9" eb="11">
      <t>ハイシ</t>
    </rPh>
    <rPh sb="12" eb="14">
      <t>ゲンイン</t>
    </rPh>
    <rPh sb="14" eb="15">
      <t>ベツ</t>
    </rPh>
    <rPh sb="15" eb="17">
      <t>コウセイ</t>
    </rPh>
    <rPh sb="18" eb="20">
      <t>セタイ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.0;&quot;△ &quot;#,##0.0"/>
  </numFmts>
  <fonts count="7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1"/>
      <name val="ＭＳ Ｐゴシック"/>
      <family val="3"/>
      <charset val="128"/>
    </font>
    <font>
      <sz val="11"/>
      <name val="HGPｺﾞｼｯｸM"/>
      <family val="3"/>
      <charset val="128"/>
    </font>
    <font>
      <sz val="6"/>
      <name val="ＭＳ Ｐゴシック"/>
      <family val="3"/>
      <charset val="128"/>
    </font>
    <font>
      <sz val="14"/>
      <name val="HGPｺﾞｼｯｸM"/>
      <family val="3"/>
      <charset val="128"/>
    </font>
    <font>
      <sz val="10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4">
    <xf numFmtId="0" fontId="0" fillId="0" borderId="0">
      <alignment vertical="center"/>
    </xf>
    <xf numFmtId="0" fontId="2" fillId="0" borderId="0"/>
    <xf numFmtId="38" fontId="2" fillId="0" borderId="0" applyFont="0" applyFill="0" applyBorder="0" applyAlignment="0" applyProtection="0"/>
    <xf numFmtId="9" fontId="2" fillId="0" borderId="0" applyFont="0" applyFill="0" applyBorder="0" applyAlignment="0" applyProtection="0">
      <alignment vertical="center"/>
    </xf>
  </cellStyleXfs>
  <cellXfs count="64">
    <xf numFmtId="0" fontId="0" fillId="0" borderId="0" xfId="0">
      <alignment vertical="center"/>
    </xf>
    <xf numFmtId="176" fontId="3" fillId="0" borderId="0" xfId="1" applyNumberFormat="1" applyFont="1" applyBorder="1" applyAlignment="1">
      <alignment horizontal="left" vertical="center"/>
    </xf>
    <xf numFmtId="0" fontId="3" fillId="0" borderId="0" xfId="1" applyFont="1"/>
    <xf numFmtId="0" fontId="3" fillId="0" borderId="0" xfId="1" applyFont="1" applyFill="1"/>
    <xf numFmtId="38" fontId="5" fillId="0" borderId="0" xfId="2" applyFont="1" applyAlignment="1">
      <alignment horizontal="left" indent="1"/>
    </xf>
    <xf numFmtId="38" fontId="5" fillId="0" borderId="0" xfId="2" applyFont="1" applyAlignment="1"/>
    <xf numFmtId="38" fontId="3" fillId="0" borderId="0" xfId="2" applyFont="1" applyFill="1"/>
    <xf numFmtId="38" fontId="3" fillId="0" borderId="0" xfId="2" applyFont="1"/>
    <xf numFmtId="38" fontId="6" fillId="0" borderId="1" xfId="2" applyFont="1" applyBorder="1"/>
    <xf numFmtId="38" fontId="6" fillId="0" borderId="1" xfId="2" applyFont="1" applyBorder="1" applyAlignment="1">
      <alignment horizontal="center"/>
    </xf>
    <xf numFmtId="38" fontId="6" fillId="0" borderId="1" xfId="2" applyFont="1" applyFill="1" applyBorder="1" applyAlignment="1"/>
    <xf numFmtId="38" fontId="6" fillId="0" borderId="1" xfId="2" applyFont="1" applyFill="1" applyBorder="1" applyAlignment="1">
      <alignment horizontal="right"/>
    </xf>
    <xf numFmtId="38" fontId="6" fillId="0" borderId="0" xfId="2" applyFont="1"/>
    <xf numFmtId="38" fontId="6" fillId="0" borderId="4" xfId="2" applyFont="1" applyBorder="1" applyAlignment="1">
      <alignment horizontal="center" vertical="center"/>
    </xf>
    <xf numFmtId="38" fontId="6" fillId="0" borderId="0" xfId="2" applyFont="1" applyFill="1" applyBorder="1" applyAlignment="1">
      <alignment vertical="center"/>
    </xf>
    <xf numFmtId="38" fontId="6" fillId="0" borderId="6" xfId="2" applyFont="1" applyBorder="1" applyAlignment="1">
      <alignment horizontal="distributed" vertical="center"/>
    </xf>
    <xf numFmtId="38" fontId="6" fillId="0" borderId="7" xfId="2" applyFont="1" applyFill="1" applyBorder="1" applyAlignment="1">
      <alignment vertical="center"/>
    </xf>
    <xf numFmtId="38" fontId="6" fillId="0" borderId="8" xfId="2" applyFont="1" applyFill="1" applyBorder="1" applyAlignment="1">
      <alignment vertical="center"/>
    </xf>
    <xf numFmtId="38" fontId="6" fillId="0" borderId="9" xfId="2" applyFont="1" applyBorder="1" applyAlignment="1">
      <alignment horizontal="distributed" vertical="center"/>
    </xf>
    <xf numFmtId="0" fontId="6" fillId="0" borderId="7" xfId="2" applyNumberFormat="1" applyFont="1" applyFill="1" applyBorder="1" applyAlignment="1">
      <alignment horizontal="right" vertical="center"/>
    </xf>
    <xf numFmtId="0" fontId="6" fillId="0" borderId="0" xfId="2" applyNumberFormat="1" applyFont="1" applyFill="1" applyBorder="1" applyAlignment="1">
      <alignment horizontal="right" vertical="center"/>
    </xf>
    <xf numFmtId="38" fontId="6" fillId="0" borderId="10" xfId="2" applyFont="1" applyBorder="1" applyAlignment="1">
      <alignment horizontal="distributed" vertical="center"/>
    </xf>
    <xf numFmtId="38" fontId="6" fillId="0" borderId="8" xfId="2" applyFont="1" applyBorder="1" applyAlignment="1">
      <alignment horizontal="right" vertical="center"/>
    </xf>
    <xf numFmtId="38" fontId="6" fillId="0" borderId="8" xfId="2" applyFont="1" applyFill="1" applyBorder="1" applyAlignment="1">
      <alignment horizontal="right" vertical="center"/>
    </xf>
    <xf numFmtId="38" fontId="6" fillId="0" borderId="0" xfId="2" applyFont="1" applyBorder="1"/>
    <xf numFmtId="38" fontId="6" fillId="0" borderId="15" xfId="2" applyFont="1" applyBorder="1" applyAlignment="1">
      <alignment horizontal="distributed" vertical="center"/>
    </xf>
    <xf numFmtId="38" fontId="6" fillId="0" borderId="1" xfId="2" applyFont="1" applyFill="1" applyBorder="1" applyAlignment="1">
      <alignment horizontal="right" vertical="center"/>
    </xf>
    <xf numFmtId="38" fontId="6" fillId="0" borderId="16" xfId="2" applyFont="1" applyBorder="1" applyAlignment="1">
      <alignment vertical="center"/>
    </xf>
    <xf numFmtId="38" fontId="6" fillId="0" borderId="0" xfId="2" applyFont="1" applyFill="1" applyBorder="1" applyAlignment="1">
      <alignment horizontal="right"/>
    </xf>
    <xf numFmtId="38" fontId="6" fillId="0" borderId="0" xfId="2" applyFont="1" applyFill="1" applyBorder="1" applyAlignment="1">
      <alignment horizontal="right" vertical="center"/>
    </xf>
    <xf numFmtId="38" fontId="6" fillId="0" borderId="0" xfId="2" applyFont="1" applyAlignment="1">
      <alignment horizontal="right"/>
    </xf>
    <xf numFmtId="38" fontId="3" fillId="0" borderId="0" xfId="2" applyFont="1" applyAlignment="1">
      <alignment horizontal="center"/>
    </xf>
    <xf numFmtId="0" fontId="6" fillId="0" borderId="1" xfId="3" applyNumberFormat="1" applyFont="1" applyBorder="1" applyAlignment="1">
      <alignment horizontal="center" vertical="center"/>
    </xf>
    <xf numFmtId="0" fontId="6" fillId="0" borderId="17" xfId="3" applyNumberFormat="1" applyFont="1" applyBorder="1" applyAlignment="1">
      <alignment horizontal="center" vertical="center"/>
    </xf>
    <xf numFmtId="0" fontId="6" fillId="0" borderId="1" xfId="1" applyFont="1" applyFill="1" applyBorder="1" applyAlignment="1">
      <alignment horizontal="center" vertical="distributed"/>
    </xf>
    <xf numFmtId="0" fontId="6" fillId="0" borderId="7" xfId="1" applyFont="1" applyBorder="1" applyAlignment="1">
      <alignment horizontal="center" vertical="center"/>
    </xf>
    <xf numFmtId="0" fontId="6" fillId="0" borderId="18" xfId="1" applyFont="1" applyBorder="1" applyAlignment="1">
      <alignment horizontal="center" vertical="center"/>
    </xf>
    <xf numFmtId="0" fontId="6" fillId="0" borderId="11" xfId="1" applyFont="1" applyFill="1" applyBorder="1" applyAlignment="1">
      <alignment horizontal="center" vertical="distributed"/>
    </xf>
    <xf numFmtId="0" fontId="6" fillId="0" borderId="19" xfId="1" applyFont="1" applyBorder="1" applyAlignment="1">
      <alignment horizontal="center" vertical="center" wrapText="1"/>
    </xf>
    <xf numFmtId="0" fontId="6" fillId="0" borderId="9" xfId="1" applyFont="1" applyBorder="1" applyAlignment="1">
      <alignment horizontal="center" vertical="center" wrapText="1"/>
    </xf>
    <xf numFmtId="0" fontId="6" fillId="0" borderId="18" xfId="1" applyFont="1" applyBorder="1" applyAlignment="1">
      <alignment horizontal="center" vertical="center" wrapText="1"/>
    </xf>
    <xf numFmtId="0" fontId="6" fillId="0" borderId="11" xfId="1" applyFont="1" applyBorder="1" applyAlignment="1">
      <alignment horizontal="center" vertical="distributed"/>
    </xf>
    <xf numFmtId="0" fontId="6" fillId="0" borderId="8" xfId="3" applyNumberFormat="1" applyFont="1" applyBorder="1" applyAlignment="1">
      <alignment horizontal="center" vertical="center"/>
    </xf>
    <xf numFmtId="0" fontId="6" fillId="0" borderId="20" xfId="3" applyNumberFormat="1" applyFont="1" applyBorder="1" applyAlignment="1">
      <alignment horizontal="center" vertical="center"/>
    </xf>
    <xf numFmtId="0" fontId="6" fillId="0" borderId="13" xfId="1" applyFont="1" applyBorder="1" applyAlignment="1">
      <alignment horizontal="center" vertical="distributed"/>
    </xf>
    <xf numFmtId="0" fontId="6" fillId="0" borderId="7" xfId="1" applyFont="1" applyFill="1" applyBorder="1" applyAlignment="1">
      <alignment horizontal="center" vertical="center"/>
    </xf>
    <xf numFmtId="0" fontId="3" fillId="0" borderId="0" xfId="1" applyFont="1" applyBorder="1"/>
    <xf numFmtId="0" fontId="6" fillId="0" borderId="21" xfId="1" applyFont="1" applyBorder="1" applyAlignment="1">
      <alignment horizontal="center" vertical="center" wrapText="1"/>
    </xf>
    <xf numFmtId="0" fontId="6" fillId="0" borderId="22" xfId="1" applyFont="1" applyBorder="1" applyAlignment="1">
      <alignment horizontal="center" vertical="center" wrapText="1"/>
    </xf>
    <xf numFmtId="0" fontId="6" fillId="0" borderId="23" xfId="1" applyFont="1" applyBorder="1" applyAlignment="1">
      <alignment horizontal="center" vertical="distributed"/>
    </xf>
    <xf numFmtId="0" fontId="6" fillId="0" borderId="0" xfId="1" applyFont="1"/>
    <xf numFmtId="0" fontId="6" fillId="0" borderId="0" xfId="1" applyFont="1" applyBorder="1"/>
    <xf numFmtId="0" fontId="6" fillId="0" borderId="1" xfId="1" applyFont="1" applyBorder="1" applyAlignment="1">
      <alignment horizontal="right" vertical="center"/>
    </xf>
    <xf numFmtId="38" fontId="6" fillId="0" borderId="12" xfId="2" applyFont="1" applyBorder="1" applyAlignment="1">
      <alignment horizontal="center" vertical="center" textRotation="255" shrinkToFit="1"/>
    </xf>
    <xf numFmtId="38" fontId="6" fillId="0" borderId="14" xfId="2" applyFont="1" applyBorder="1" applyAlignment="1">
      <alignment horizontal="center" vertical="center" textRotation="255" shrinkToFit="1"/>
    </xf>
    <xf numFmtId="38" fontId="6" fillId="0" borderId="5" xfId="2" applyFont="1" applyBorder="1" applyAlignment="1">
      <alignment horizontal="center" vertical="center" textRotation="255" shrinkToFit="1"/>
    </xf>
    <xf numFmtId="38" fontId="6" fillId="0" borderId="5" xfId="2" applyFont="1" applyBorder="1" applyAlignment="1">
      <alignment vertical="center" shrinkToFit="1"/>
    </xf>
    <xf numFmtId="38" fontId="6" fillId="0" borderId="11" xfId="2" applyFont="1" applyBorder="1" applyAlignment="1">
      <alignment horizontal="center" vertical="center" textRotation="255" shrinkToFit="1"/>
    </xf>
    <xf numFmtId="38" fontId="6" fillId="0" borderId="13" xfId="2" applyFont="1" applyBorder="1" applyAlignment="1">
      <alignment horizontal="center" vertical="center" textRotation="255" shrinkToFit="1"/>
    </xf>
    <xf numFmtId="38" fontId="6" fillId="0" borderId="2" xfId="2" applyFont="1" applyBorder="1" applyAlignment="1">
      <alignment horizontal="center" vertical="center"/>
    </xf>
    <xf numFmtId="38" fontId="6" fillId="0" borderId="3" xfId="2" applyFont="1" applyBorder="1" applyAlignment="1">
      <alignment horizontal="center" vertical="center"/>
    </xf>
    <xf numFmtId="38" fontId="6" fillId="0" borderId="5" xfId="2" applyFont="1" applyBorder="1" applyAlignment="1">
      <alignment horizontal="distributed" vertical="center"/>
    </xf>
    <xf numFmtId="38" fontId="6" fillId="0" borderId="6" xfId="2" applyFont="1" applyBorder="1" applyAlignment="1">
      <alignment horizontal="distributed" vertical="center"/>
    </xf>
    <xf numFmtId="0" fontId="5" fillId="0" borderId="0" xfId="1" applyFont="1" applyAlignment="1">
      <alignment horizontal="left" indent="1"/>
    </xf>
  </cellXfs>
  <cellStyles count="4">
    <cellStyle name="パーセント 2" xfId="3" xr:uid="{00000000-0005-0000-0000-000000000000}"/>
    <cellStyle name="桁区切り 2" xfId="2" xr:uid="{00000000-0005-0000-0000-000001000000}"/>
    <cellStyle name="標準" xfId="0" builtinId="0"/>
    <cellStyle name="標準 2" xfId="1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">
    <pageSetUpPr fitToPage="1"/>
  </sheetPr>
  <dimension ref="A1:G50"/>
  <sheetViews>
    <sheetView showGridLines="0" tabSelected="1" view="pageBreakPreview" zoomScaleNormal="100" zoomScaleSheetLayoutView="100" workbookViewId="0"/>
  </sheetViews>
  <sheetFormatPr defaultRowHeight="13.5"/>
  <cols>
    <col min="1" max="1" width="3.625" style="7" customWidth="1"/>
    <col min="2" max="2" width="15.625" style="31" customWidth="1"/>
    <col min="3" max="3" width="17.625" style="6" customWidth="1"/>
    <col min="4" max="8" width="17.625" style="7" customWidth="1"/>
    <col min="9" max="9" width="9.25" style="7" bestFit="1" customWidth="1"/>
    <col min="10" max="16384" width="9" style="7"/>
  </cols>
  <sheetData>
    <row r="1" spans="1:7" s="2" customFormat="1">
      <c r="A1" s="1" t="s">
        <v>0</v>
      </c>
      <c r="C1" s="3"/>
    </row>
    <row r="2" spans="1:7" ht="17.25">
      <c r="A2" s="4" t="s">
        <v>1</v>
      </c>
      <c r="B2" s="5"/>
      <c r="D2" s="5"/>
      <c r="E2" s="5"/>
    </row>
    <row r="3" spans="1:7" s="12" customFormat="1" ht="12.75" thickBot="1">
      <c r="A3" s="8"/>
      <c r="B3" s="9"/>
      <c r="C3" s="10"/>
      <c r="D3" s="10"/>
      <c r="E3" s="10"/>
      <c r="F3" s="11"/>
      <c r="G3" s="11" t="s">
        <v>2</v>
      </c>
    </row>
    <row r="4" spans="1:7" s="12" customFormat="1" ht="16.5" customHeight="1">
      <c r="A4" s="59" t="s">
        <v>3</v>
      </c>
      <c r="B4" s="60"/>
      <c r="C4" s="13" t="s">
        <v>4</v>
      </c>
      <c r="D4" s="13" t="s">
        <v>5</v>
      </c>
      <c r="E4" s="13" t="s">
        <v>6</v>
      </c>
      <c r="F4" s="13" t="s">
        <v>7</v>
      </c>
      <c r="G4" s="13" t="s">
        <v>32</v>
      </c>
    </row>
    <row r="5" spans="1:7" s="12" customFormat="1" ht="16.5" customHeight="1">
      <c r="A5" s="61" t="s">
        <v>8</v>
      </c>
      <c r="B5" s="62"/>
      <c r="C5" s="14">
        <v>1185</v>
      </c>
      <c r="D5" s="14">
        <v>1181</v>
      </c>
      <c r="E5" s="14">
        <v>1225</v>
      </c>
      <c r="F5" s="14">
        <v>1268</v>
      </c>
      <c r="G5" s="14">
        <v>1268</v>
      </c>
    </row>
    <row r="6" spans="1:7" s="12" customFormat="1" ht="16.5" customHeight="1">
      <c r="A6" s="61" t="s">
        <v>9</v>
      </c>
      <c r="B6" s="62"/>
      <c r="C6" s="14">
        <v>1672</v>
      </c>
      <c r="D6" s="14">
        <v>1646</v>
      </c>
      <c r="E6" s="14">
        <v>1669</v>
      </c>
      <c r="F6" s="14">
        <v>1708</v>
      </c>
      <c r="G6" s="14">
        <v>1673</v>
      </c>
    </row>
    <row r="7" spans="1:7" s="12" customFormat="1" ht="16.5" customHeight="1">
      <c r="A7" s="61" t="s">
        <v>10</v>
      </c>
      <c r="B7" s="62"/>
      <c r="C7" s="14">
        <v>2714874</v>
      </c>
      <c r="D7" s="14">
        <v>2679941</v>
      </c>
      <c r="E7" s="14">
        <v>2679093</v>
      </c>
      <c r="F7" s="14">
        <v>2721407</v>
      </c>
      <c r="G7" s="14">
        <v>2829118</v>
      </c>
    </row>
    <row r="8" spans="1:7" s="12" customFormat="1" ht="21.95" customHeight="1">
      <c r="A8" s="55" t="s">
        <v>11</v>
      </c>
      <c r="B8" s="15" t="s">
        <v>12</v>
      </c>
      <c r="C8" s="16">
        <v>1041</v>
      </c>
      <c r="D8" s="16">
        <v>1037</v>
      </c>
      <c r="E8" s="16">
        <v>1072</v>
      </c>
      <c r="F8" s="16">
        <v>1101</v>
      </c>
      <c r="G8" s="16">
        <v>1094</v>
      </c>
    </row>
    <row r="9" spans="1:7" s="12" customFormat="1" ht="21.95" customHeight="1">
      <c r="A9" s="56"/>
      <c r="B9" s="15" t="s">
        <v>13</v>
      </c>
      <c r="C9" s="14">
        <v>1461</v>
      </c>
      <c r="D9" s="14">
        <v>1446</v>
      </c>
      <c r="E9" s="14">
        <v>1457</v>
      </c>
      <c r="F9" s="14">
        <v>1482</v>
      </c>
      <c r="G9" s="14">
        <v>1449</v>
      </c>
    </row>
    <row r="10" spans="1:7" s="12" customFormat="1" ht="21.95" customHeight="1">
      <c r="A10" s="56"/>
      <c r="B10" s="15" t="s">
        <v>14</v>
      </c>
      <c r="C10" s="17">
        <v>880870</v>
      </c>
      <c r="D10" s="17">
        <v>885074</v>
      </c>
      <c r="E10" s="17">
        <v>894028</v>
      </c>
      <c r="F10" s="17">
        <v>899200</v>
      </c>
      <c r="G10" s="17">
        <v>913462</v>
      </c>
    </row>
    <row r="11" spans="1:7" s="12" customFormat="1" ht="21.95" customHeight="1">
      <c r="A11" s="55" t="s">
        <v>15</v>
      </c>
      <c r="B11" s="15" t="s">
        <v>12</v>
      </c>
      <c r="C11" s="16">
        <v>1050</v>
      </c>
      <c r="D11" s="16">
        <v>1050</v>
      </c>
      <c r="E11" s="16">
        <v>1096</v>
      </c>
      <c r="F11" s="16">
        <v>1130</v>
      </c>
      <c r="G11" s="16">
        <v>1119</v>
      </c>
    </row>
    <row r="12" spans="1:7" s="12" customFormat="1" ht="21.95" customHeight="1">
      <c r="A12" s="55"/>
      <c r="B12" s="15" t="s">
        <v>13</v>
      </c>
      <c r="C12" s="14">
        <v>1467</v>
      </c>
      <c r="D12" s="14">
        <v>1453</v>
      </c>
      <c r="E12" s="14">
        <v>1476</v>
      </c>
      <c r="F12" s="14">
        <v>1500</v>
      </c>
      <c r="G12" s="14">
        <v>1469</v>
      </c>
    </row>
    <row r="13" spans="1:7" s="12" customFormat="1" ht="21.95" customHeight="1">
      <c r="A13" s="55"/>
      <c r="B13" s="15" t="s">
        <v>14</v>
      </c>
      <c r="C13" s="17">
        <v>580989</v>
      </c>
      <c r="D13" s="17">
        <v>576141</v>
      </c>
      <c r="E13" s="17">
        <v>578275</v>
      </c>
      <c r="F13" s="17">
        <v>591412</v>
      </c>
      <c r="G13" s="17">
        <v>608863</v>
      </c>
    </row>
    <row r="14" spans="1:7" s="12" customFormat="1" ht="21.95" customHeight="1">
      <c r="A14" s="55" t="s">
        <v>16</v>
      </c>
      <c r="B14" s="15" t="s">
        <v>12</v>
      </c>
      <c r="C14" s="14">
        <v>1007</v>
      </c>
      <c r="D14" s="14">
        <v>982</v>
      </c>
      <c r="E14" s="14">
        <v>1028</v>
      </c>
      <c r="F14" s="14">
        <v>1059</v>
      </c>
      <c r="G14" s="14">
        <v>1069</v>
      </c>
    </row>
    <row r="15" spans="1:7" s="12" customFormat="1" ht="21.95" customHeight="1">
      <c r="A15" s="55"/>
      <c r="B15" s="15" t="s">
        <v>13</v>
      </c>
      <c r="C15" s="14">
        <v>1311</v>
      </c>
      <c r="D15" s="14">
        <v>1273</v>
      </c>
      <c r="E15" s="14">
        <v>1284</v>
      </c>
      <c r="F15" s="14">
        <v>1320</v>
      </c>
      <c r="G15" s="14">
        <v>1312</v>
      </c>
    </row>
    <row r="16" spans="1:7" s="12" customFormat="1" ht="21.95" customHeight="1">
      <c r="A16" s="55"/>
      <c r="B16" s="18" t="s">
        <v>14</v>
      </c>
      <c r="C16" s="17">
        <v>1147211</v>
      </c>
      <c r="D16" s="17">
        <v>1119613</v>
      </c>
      <c r="E16" s="17">
        <v>1107965</v>
      </c>
      <c r="F16" s="17">
        <v>1128685</v>
      </c>
      <c r="G16" s="17">
        <v>1199606</v>
      </c>
    </row>
    <row r="17" spans="1:7" s="12" customFormat="1" ht="21.95" customHeight="1">
      <c r="A17" s="55" t="s">
        <v>17</v>
      </c>
      <c r="B17" s="15" t="s">
        <v>12</v>
      </c>
      <c r="C17" s="19">
        <v>43</v>
      </c>
      <c r="D17" s="19">
        <v>36</v>
      </c>
      <c r="E17" s="19">
        <v>43</v>
      </c>
      <c r="F17" s="19">
        <v>43</v>
      </c>
      <c r="G17" s="19">
        <v>40</v>
      </c>
    </row>
    <row r="18" spans="1:7" s="12" customFormat="1" ht="21.95" customHeight="1">
      <c r="A18" s="55"/>
      <c r="B18" s="15" t="s">
        <v>13</v>
      </c>
      <c r="C18" s="20">
        <v>50</v>
      </c>
      <c r="D18" s="20">
        <v>41</v>
      </c>
      <c r="E18" s="20">
        <v>50</v>
      </c>
      <c r="F18" s="20">
        <v>51</v>
      </c>
      <c r="G18" s="20">
        <v>47</v>
      </c>
    </row>
    <row r="19" spans="1:7" s="12" customFormat="1" ht="21.95" customHeight="1">
      <c r="A19" s="55"/>
      <c r="B19" s="15" t="s">
        <v>14</v>
      </c>
      <c r="C19" s="17">
        <v>9413</v>
      </c>
      <c r="D19" s="17">
        <v>8098</v>
      </c>
      <c r="E19" s="17">
        <v>8050</v>
      </c>
      <c r="F19" s="17">
        <v>7384</v>
      </c>
      <c r="G19" s="17">
        <v>6963</v>
      </c>
    </row>
    <row r="20" spans="1:7" s="12" customFormat="1" ht="21.95" customHeight="1">
      <c r="A20" s="55" t="s">
        <v>18</v>
      </c>
      <c r="B20" s="21" t="s">
        <v>12</v>
      </c>
      <c r="C20" s="20">
        <v>48</v>
      </c>
      <c r="D20" s="20">
        <v>43</v>
      </c>
      <c r="E20" s="20">
        <v>48</v>
      </c>
      <c r="F20" s="20">
        <v>60</v>
      </c>
      <c r="G20" s="20">
        <v>72</v>
      </c>
    </row>
    <row r="21" spans="1:7" s="12" customFormat="1" ht="21.95" customHeight="1">
      <c r="A21" s="55"/>
      <c r="B21" s="15" t="s">
        <v>13</v>
      </c>
      <c r="C21" s="20">
        <v>48</v>
      </c>
      <c r="D21" s="20">
        <v>43</v>
      </c>
      <c r="E21" s="20">
        <v>48</v>
      </c>
      <c r="F21" s="20">
        <v>60</v>
      </c>
      <c r="G21" s="20">
        <v>72</v>
      </c>
    </row>
    <row r="22" spans="1:7" s="12" customFormat="1" ht="21.95" customHeight="1">
      <c r="A22" s="55"/>
      <c r="B22" s="18" t="s">
        <v>14</v>
      </c>
      <c r="C22" s="14">
        <v>6128</v>
      </c>
      <c r="D22" s="14">
        <v>4867</v>
      </c>
      <c r="E22" s="14">
        <v>5828</v>
      </c>
      <c r="F22" s="14">
        <v>8282</v>
      </c>
      <c r="G22" s="14">
        <v>10366</v>
      </c>
    </row>
    <row r="23" spans="1:7" s="12" customFormat="1" ht="21.95" customHeight="1">
      <c r="A23" s="55" t="s">
        <v>19</v>
      </c>
      <c r="B23" s="15" t="s">
        <v>12</v>
      </c>
      <c r="C23" s="19" t="s">
        <v>20</v>
      </c>
      <c r="D23" s="19" t="s">
        <v>21</v>
      </c>
      <c r="E23" s="19">
        <v>2</v>
      </c>
      <c r="F23" s="19" t="s">
        <v>20</v>
      </c>
      <c r="G23" s="19">
        <v>2</v>
      </c>
    </row>
    <row r="24" spans="1:7" s="12" customFormat="1" ht="21.95" customHeight="1">
      <c r="A24" s="55"/>
      <c r="B24" s="15" t="s">
        <v>13</v>
      </c>
      <c r="C24" s="20" t="s">
        <v>20</v>
      </c>
      <c r="D24" s="20" t="s">
        <v>21</v>
      </c>
      <c r="E24" s="20">
        <v>2</v>
      </c>
      <c r="F24" s="20" t="s">
        <v>20</v>
      </c>
      <c r="G24" s="20">
        <v>12</v>
      </c>
    </row>
    <row r="25" spans="1:7" s="12" customFormat="1" ht="21.95" customHeight="1">
      <c r="A25" s="55"/>
      <c r="B25" s="15" t="s">
        <v>14</v>
      </c>
      <c r="C25" s="23" t="s">
        <v>20</v>
      </c>
      <c r="D25" s="22" t="s">
        <v>21</v>
      </c>
      <c r="E25" s="22">
        <v>381</v>
      </c>
      <c r="F25" s="22" t="s">
        <v>20</v>
      </c>
      <c r="G25" s="22">
        <v>24</v>
      </c>
    </row>
    <row r="26" spans="1:7" s="12" customFormat="1" ht="21.95" customHeight="1">
      <c r="A26" s="55" t="s">
        <v>22</v>
      </c>
      <c r="B26" s="15" t="s">
        <v>12</v>
      </c>
      <c r="C26" s="14">
        <v>94</v>
      </c>
      <c r="D26" s="14">
        <v>84</v>
      </c>
      <c r="E26" s="14">
        <v>76</v>
      </c>
      <c r="F26" s="14">
        <v>69</v>
      </c>
      <c r="G26" s="14">
        <v>66</v>
      </c>
    </row>
    <row r="27" spans="1:7" s="12" customFormat="1" ht="21.95" customHeight="1">
      <c r="A27" s="56"/>
      <c r="B27" s="15" t="s">
        <v>13</v>
      </c>
      <c r="C27" s="14">
        <v>128</v>
      </c>
      <c r="D27" s="14">
        <v>122</v>
      </c>
      <c r="E27" s="14">
        <v>104</v>
      </c>
      <c r="F27" s="14">
        <v>101</v>
      </c>
      <c r="G27" s="14">
        <v>99</v>
      </c>
    </row>
    <row r="28" spans="1:7" s="12" customFormat="1" ht="21.95" customHeight="1">
      <c r="A28" s="56"/>
      <c r="B28" s="15" t="s">
        <v>14</v>
      </c>
      <c r="C28" s="14">
        <v>15946</v>
      </c>
      <c r="D28" s="14">
        <v>15029</v>
      </c>
      <c r="E28" s="14">
        <v>14366</v>
      </c>
      <c r="F28" s="14">
        <v>11786</v>
      </c>
      <c r="G28" s="14">
        <v>10307</v>
      </c>
    </row>
    <row r="29" spans="1:7" s="12" customFormat="1" ht="21.95" customHeight="1">
      <c r="A29" s="57" t="s">
        <v>23</v>
      </c>
      <c r="B29" s="15" t="s">
        <v>12</v>
      </c>
      <c r="C29" s="16">
        <v>217</v>
      </c>
      <c r="D29" s="16">
        <v>210</v>
      </c>
      <c r="E29" s="16">
        <v>228</v>
      </c>
      <c r="F29" s="16">
        <v>250</v>
      </c>
      <c r="G29" s="16">
        <v>251</v>
      </c>
    </row>
    <row r="30" spans="1:7" s="12" customFormat="1" ht="21.95" customHeight="1">
      <c r="A30" s="53"/>
      <c r="B30" s="15" t="s">
        <v>13</v>
      </c>
      <c r="C30" s="14">
        <v>231</v>
      </c>
      <c r="D30" s="14">
        <v>225</v>
      </c>
      <c r="E30" s="14">
        <v>238</v>
      </c>
      <c r="F30" s="14">
        <v>259</v>
      </c>
      <c r="G30" s="14">
        <v>260</v>
      </c>
    </row>
    <row r="31" spans="1:7" s="12" customFormat="1" ht="21.95" customHeight="1">
      <c r="A31" s="58"/>
      <c r="B31" s="15" t="s">
        <v>14</v>
      </c>
      <c r="C31" s="17">
        <v>67898</v>
      </c>
      <c r="D31" s="17">
        <v>62641</v>
      </c>
      <c r="E31" s="17">
        <v>64236</v>
      </c>
      <c r="F31" s="17">
        <v>68619</v>
      </c>
      <c r="G31" s="17">
        <v>73713</v>
      </c>
    </row>
    <row r="32" spans="1:7" s="12" customFormat="1" ht="21.95" customHeight="1">
      <c r="A32" s="57" t="s">
        <v>24</v>
      </c>
      <c r="B32" s="15" t="s">
        <v>12</v>
      </c>
      <c r="C32" s="19">
        <v>1</v>
      </c>
      <c r="D32" s="19">
        <v>1</v>
      </c>
      <c r="E32" s="19">
        <v>1</v>
      </c>
      <c r="F32" s="19">
        <v>1</v>
      </c>
      <c r="G32" s="19">
        <v>1</v>
      </c>
    </row>
    <row r="33" spans="1:7" s="12" customFormat="1" ht="21.95" customHeight="1">
      <c r="A33" s="53"/>
      <c r="B33" s="18" t="s">
        <v>13</v>
      </c>
      <c r="C33" s="20">
        <v>1</v>
      </c>
      <c r="D33" s="20">
        <v>1</v>
      </c>
      <c r="E33" s="20">
        <v>1</v>
      </c>
      <c r="F33" s="20">
        <v>1</v>
      </c>
      <c r="G33" s="20">
        <v>1</v>
      </c>
    </row>
    <row r="34" spans="1:7" s="24" customFormat="1" ht="21.95" customHeight="1">
      <c r="A34" s="58"/>
      <c r="B34" s="15" t="s">
        <v>14</v>
      </c>
      <c r="C34" s="23">
        <v>2144</v>
      </c>
      <c r="D34" s="23">
        <v>2184</v>
      </c>
      <c r="E34" s="23">
        <v>2224</v>
      </c>
      <c r="F34" s="23">
        <v>2226</v>
      </c>
      <c r="G34" s="23">
        <v>2205</v>
      </c>
    </row>
    <row r="35" spans="1:7" s="12" customFormat="1" ht="21.95" customHeight="1">
      <c r="A35" s="55" t="s">
        <v>25</v>
      </c>
      <c r="B35" s="15" t="s">
        <v>12</v>
      </c>
      <c r="C35" s="16">
        <v>2</v>
      </c>
      <c r="D35" s="16">
        <v>1</v>
      </c>
      <c r="E35" s="16">
        <v>1</v>
      </c>
      <c r="F35" s="16">
        <v>1</v>
      </c>
      <c r="G35" s="16">
        <v>1</v>
      </c>
    </row>
    <row r="36" spans="1:7" s="12" customFormat="1" ht="21.95" customHeight="1">
      <c r="A36" s="56"/>
      <c r="B36" s="15" t="s">
        <v>13</v>
      </c>
      <c r="C36" s="14">
        <v>3</v>
      </c>
      <c r="D36" s="14">
        <v>2</v>
      </c>
      <c r="E36" s="14">
        <v>2</v>
      </c>
      <c r="F36" s="14">
        <v>2</v>
      </c>
      <c r="G36" s="14">
        <v>2</v>
      </c>
    </row>
    <row r="37" spans="1:7" s="12" customFormat="1" ht="21.95" customHeight="1">
      <c r="A37" s="56"/>
      <c r="B37" s="15" t="s">
        <v>14</v>
      </c>
      <c r="C37" s="17">
        <v>1629</v>
      </c>
      <c r="D37" s="17">
        <v>666</v>
      </c>
      <c r="E37" s="17">
        <v>639</v>
      </c>
      <c r="F37" s="17">
        <v>670</v>
      </c>
      <c r="G37" s="17">
        <v>732</v>
      </c>
    </row>
    <row r="38" spans="1:7" s="12" customFormat="1" ht="21.95" customHeight="1">
      <c r="A38" s="55" t="s">
        <v>26</v>
      </c>
      <c r="B38" s="15" t="s">
        <v>12</v>
      </c>
      <c r="C38" s="16">
        <v>2</v>
      </c>
      <c r="D38" s="16">
        <v>1</v>
      </c>
      <c r="E38" s="16">
        <v>1</v>
      </c>
      <c r="F38" s="16">
        <v>1</v>
      </c>
      <c r="G38" s="16">
        <v>1</v>
      </c>
    </row>
    <row r="39" spans="1:7" s="12" customFormat="1" ht="21.95" customHeight="1">
      <c r="A39" s="55"/>
      <c r="B39" s="15" t="s">
        <v>13</v>
      </c>
      <c r="C39" s="14">
        <v>3</v>
      </c>
      <c r="D39" s="14">
        <v>2</v>
      </c>
      <c r="E39" s="14">
        <v>2</v>
      </c>
      <c r="F39" s="14">
        <v>2</v>
      </c>
      <c r="G39" s="14">
        <v>2</v>
      </c>
    </row>
    <row r="40" spans="1:7" s="12" customFormat="1" ht="21.95" customHeight="1">
      <c r="A40" s="55"/>
      <c r="B40" s="15" t="s">
        <v>14</v>
      </c>
      <c r="C40" s="17">
        <v>1236</v>
      </c>
      <c r="D40" s="17">
        <v>785</v>
      </c>
      <c r="E40" s="17">
        <v>744</v>
      </c>
      <c r="F40" s="17">
        <v>744</v>
      </c>
      <c r="G40" s="17">
        <v>744</v>
      </c>
    </row>
    <row r="41" spans="1:7" s="12" customFormat="1" ht="21.95" customHeight="1">
      <c r="A41" s="55" t="s">
        <v>27</v>
      </c>
      <c r="B41" s="15" t="s">
        <v>12</v>
      </c>
      <c r="C41" s="14">
        <v>2</v>
      </c>
      <c r="D41" s="14">
        <v>1</v>
      </c>
      <c r="E41" s="14">
        <v>1</v>
      </c>
      <c r="F41" s="14">
        <v>1</v>
      </c>
      <c r="G41" s="14">
        <v>1</v>
      </c>
    </row>
    <row r="42" spans="1:7" s="12" customFormat="1" ht="21.95" customHeight="1">
      <c r="A42" s="55"/>
      <c r="B42" s="15" t="s">
        <v>13</v>
      </c>
      <c r="C42" s="14">
        <v>3</v>
      </c>
      <c r="D42" s="14">
        <v>2</v>
      </c>
      <c r="E42" s="14">
        <v>2</v>
      </c>
      <c r="F42" s="14">
        <v>2</v>
      </c>
      <c r="G42" s="14">
        <v>2</v>
      </c>
    </row>
    <row r="43" spans="1:7" s="12" customFormat="1" ht="21.95" customHeight="1">
      <c r="A43" s="57"/>
      <c r="B43" s="18" t="s">
        <v>14</v>
      </c>
      <c r="C43" s="14">
        <v>566</v>
      </c>
      <c r="D43" s="14">
        <v>3109</v>
      </c>
      <c r="E43" s="14">
        <v>1264</v>
      </c>
      <c r="F43" s="14">
        <v>164</v>
      </c>
      <c r="G43" s="14">
        <v>243</v>
      </c>
    </row>
    <row r="44" spans="1:7" s="12" customFormat="1" ht="21.95" customHeight="1">
      <c r="A44" s="57" t="s">
        <v>28</v>
      </c>
      <c r="B44" s="15" t="s">
        <v>12</v>
      </c>
      <c r="C44" s="19">
        <v>11</v>
      </c>
      <c r="D44" s="19">
        <v>28</v>
      </c>
      <c r="E44" s="19">
        <v>16</v>
      </c>
      <c r="F44" s="19">
        <v>12</v>
      </c>
      <c r="G44" s="19">
        <v>17</v>
      </c>
    </row>
    <row r="45" spans="1:7" s="12" customFormat="1" ht="21.95" customHeight="1">
      <c r="A45" s="53"/>
      <c r="B45" s="18" t="s">
        <v>13</v>
      </c>
      <c r="C45" s="20">
        <v>25</v>
      </c>
      <c r="D45" s="20">
        <v>50</v>
      </c>
      <c r="E45" s="20">
        <v>29</v>
      </c>
      <c r="F45" s="20">
        <v>23</v>
      </c>
      <c r="G45" s="20">
        <v>31</v>
      </c>
    </row>
    <row r="46" spans="1:7" s="12" customFormat="1" ht="21.95" customHeight="1">
      <c r="A46" s="58"/>
      <c r="B46" s="15" t="s">
        <v>14</v>
      </c>
      <c r="C46" s="23">
        <v>845</v>
      </c>
      <c r="D46" s="23">
        <v>1734</v>
      </c>
      <c r="E46" s="23">
        <v>1093</v>
      </c>
      <c r="F46" s="23">
        <v>835</v>
      </c>
      <c r="G46" s="23">
        <v>1090</v>
      </c>
    </row>
    <row r="47" spans="1:7" s="12" customFormat="1" ht="21.95" customHeight="1">
      <c r="A47" s="53" t="s">
        <v>29</v>
      </c>
      <c r="B47" s="21" t="s">
        <v>12</v>
      </c>
      <c r="C47" s="20" t="s">
        <v>30</v>
      </c>
      <c r="D47" s="20" t="s">
        <v>30</v>
      </c>
      <c r="E47" s="20" t="s">
        <v>30</v>
      </c>
      <c r="F47" s="20">
        <v>11</v>
      </c>
      <c r="G47" s="20">
        <v>8</v>
      </c>
    </row>
    <row r="48" spans="1:7" s="12" customFormat="1" ht="21.95" customHeight="1">
      <c r="A48" s="53"/>
      <c r="B48" s="18" t="s">
        <v>13</v>
      </c>
      <c r="C48" s="20" t="s">
        <v>30</v>
      </c>
      <c r="D48" s="20" t="s">
        <v>30</v>
      </c>
      <c r="E48" s="20" t="s">
        <v>30</v>
      </c>
      <c r="F48" s="20">
        <v>37</v>
      </c>
      <c r="G48" s="20">
        <v>29</v>
      </c>
    </row>
    <row r="49" spans="1:7" s="24" customFormat="1" ht="21.95" customHeight="1" thickBot="1">
      <c r="A49" s="54"/>
      <c r="B49" s="25" t="s">
        <v>14</v>
      </c>
      <c r="C49" s="26" t="s">
        <v>30</v>
      </c>
      <c r="D49" s="26" t="s">
        <v>30</v>
      </c>
      <c r="E49" s="26" t="s">
        <v>30</v>
      </c>
      <c r="F49" s="26">
        <v>1400</v>
      </c>
      <c r="G49" s="26">
        <v>800</v>
      </c>
    </row>
    <row r="50" spans="1:7" s="12" customFormat="1" ht="15.75" customHeight="1">
      <c r="A50" s="27" t="s">
        <v>31</v>
      </c>
      <c r="B50" s="27"/>
      <c r="C50" s="28"/>
      <c r="D50" s="29"/>
      <c r="E50" s="29"/>
      <c r="F50" s="30"/>
      <c r="G50" s="30"/>
    </row>
  </sheetData>
  <mergeCells count="18">
    <mergeCell ref="A11:A13"/>
    <mergeCell ref="A4:B4"/>
    <mergeCell ref="A5:B5"/>
    <mergeCell ref="A6:B6"/>
    <mergeCell ref="A7:B7"/>
    <mergeCell ref="A8:A10"/>
    <mergeCell ref="A47:A49"/>
    <mergeCell ref="A14:A16"/>
    <mergeCell ref="A17:A19"/>
    <mergeCell ref="A20:A22"/>
    <mergeCell ref="A23:A25"/>
    <mergeCell ref="A26:A28"/>
    <mergeCell ref="A29:A31"/>
    <mergeCell ref="A32:A34"/>
    <mergeCell ref="A35:A37"/>
    <mergeCell ref="A38:A40"/>
    <mergeCell ref="A41:A43"/>
    <mergeCell ref="A44:A46"/>
  </mergeCells>
  <phoneticPr fontId="1"/>
  <pageMargins left="0.74803149606299213" right="0.74803149606299213" top="0.98425196850393704" bottom="0.62992125984251968" header="0.59055118110236227" footer="0.51181102362204722"/>
  <pageSetup paperSize="9" scale="79" orientation="portrait" r:id="rId1"/>
  <headerFooter scaleWithDoc="0">
    <oddHeader>&amp;L&amp;"HGPｺﾞｼｯｸM,ﾒﾃﾞｨｳﾑ"7社会福祉－1生活保護
&amp;14　1　生活保護の状況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I11"/>
  <sheetViews>
    <sheetView showGridLines="0" view="pageBreakPreview" zoomScaleNormal="100" zoomScaleSheetLayoutView="100" workbookViewId="0">
      <selection activeCell="F2" sqref="F2:H3"/>
    </sheetView>
  </sheetViews>
  <sheetFormatPr defaultRowHeight="13.5"/>
  <cols>
    <col min="1" max="1" width="14.5" style="2" customWidth="1"/>
    <col min="2" max="2" width="12.5" style="2" customWidth="1"/>
    <col min="3" max="3" width="13.25" style="2" customWidth="1"/>
    <col min="4" max="4" width="12.375" style="2" customWidth="1"/>
    <col min="5" max="5" width="13.125" style="2" customWidth="1"/>
    <col min="6" max="7" width="9.125" style="2" customWidth="1"/>
    <col min="8" max="8" width="9.5" style="2" customWidth="1"/>
    <col min="9" max="16384" width="9" style="2"/>
  </cols>
  <sheetData>
    <row r="1" spans="1:9">
      <c r="A1" s="1" t="s">
        <v>0</v>
      </c>
    </row>
    <row r="2" spans="1:9" ht="17.25" customHeight="1">
      <c r="A2" s="63" t="s">
        <v>50</v>
      </c>
      <c r="B2" s="63"/>
      <c r="C2" s="63"/>
      <c r="D2" s="63"/>
      <c r="E2" s="63"/>
      <c r="F2" s="46"/>
      <c r="G2" s="46"/>
      <c r="H2" s="46"/>
      <c r="I2" s="46"/>
    </row>
    <row r="3" spans="1:9" s="50" customFormat="1" ht="15.75" customHeight="1" thickBot="1">
      <c r="F3" s="52"/>
      <c r="G3" s="52"/>
      <c r="H3" s="52" t="s">
        <v>49</v>
      </c>
      <c r="I3" s="51"/>
    </row>
    <row r="4" spans="1:9" ht="40.5" customHeight="1">
      <c r="A4" s="49" t="s">
        <v>48</v>
      </c>
      <c r="B4" s="47" t="s">
        <v>47</v>
      </c>
      <c r="C4" s="47" t="s">
        <v>46</v>
      </c>
      <c r="D4" s="47" t="s">
        <v>45</v>
      </c>
      <c r="E4" s="47" t="s">
        <v>44</v>
      </c>
      <c r="F4" s="48" t="s">
        <v>37</v>
      </c>
      <c r="G4" s="48" t="s">
        <v>43</v>
      </c>
      <c r="H4" s="47" t="s">
        <v>35</v>
      </c>
      <c r="I4" s="46"/>
    </row>
    <row r="5" spans="1:9" ht="18" customHeight="1">
      <c r="A5" s="41" t="s">
        <v>34</v>
      </c>
      <c r="B5" s="36">
        <v>35</v>
      </c>
      <c r="C5" s="35">
        <v>2</v>
      </c>
      <c r="D5" s="45">
        <v>26</v>
      </c>
      <c r="E5" s="35">
        <v>65</v>
      </c>
      <c r="F5" s="35">
        <v>6</v>
      </c>
      <c r="G5" s="35">
        <v>1</v>
      </c>
      <c r="H5" s="35">
        <v>135</v>
      </c>
    </row>
    <row r="6" spans="1:9" ht="18" customHeight="1">
      <c r="A6" s="44" t="s">
        <v>33</v>
      </c>
      <c r="B6" s="43">
        <v>26</v>
      </c>
      <c r="C6" s="42">
        <v>1.5</v>
      </c>
      <c r="D6" s="42">
        <v>19.3</v>
      </c>
      <c r="E6" s="42">
        <v>48.1</v>
      </c>
      <c r="F6" s="42">
        <v>4.4000000000000004</v>
      </c>
      <c r="G6" s="42">
        <v>0.7</v>
      </c>
      <c r="H6" s="42">
        <v>100</v>
      </c>
    </row>
    <row r="7" spans="1:9" ht="18" customHeight="1"/>
    <row r="8" spans="1:9" ht="40.5" customHeight="1">
      <c r="A8" s="41" t="s">
        <v>42</v>
      </c>
      <c r="B8" s="40" t="s">
        <v>41</v>
      </c>
      <c r="C8" s="40" t="s">
        <v>40</v>
      </c>
      <c r="D8" s="40" t="s">
        <v>39</v>
      </c>
      <c r="E8" s="40" t="s">
        <v>38</v>
      </c>
      <c r="F8" s="39" t="s">
        <v>37</v>
      </c>
      <c r="G8" s="39" t="s">
        <v>36</v>
      </c>
      <c r="H8" s="38" t="s">
        <v>35</v>
      </c>
    </row>
    <row r="9" spans="1:9" ht="21.75" customHeight="1">
      <c r="A9" s="37" t="s">
        <v>34</v>
      </c>
      <c r="B9" s="36">
        <v>28</v>
      </c>
      <c r="C9" s="35">
        <v>9</v>
      </c>
      <c r="D9" s="35">
        <v>58</v>
      </c>
      <c r="E9" s="35">
        <v>3</v>
      </c>
      <c r="F9" s="35">
        <v>20</v>
      </c>
      <c r="G9" s="35">
        <v>14</v>
      </c>
      <c r="H9" s="35">
        <v>132</v>
      </c>
    </row>
    <row r="10" spans="1:9" ht="21.75" customHeight="1" thickBot="1">
      <c r="A10" s="34" t="s">
        <v>33</v>
      </c>
      <c r="B10" s="33">
        <v>21.2</v>
      </c>
      <c r="C10" s="32">
        <v>6.8</v>
      </c>
      <c r="D10" s="32">
        <v>43.9</v>
      </c>
      <c r="E10" s="32">
        <v>2.2999999999999998</v>
      </c>
      <c r="F10" s="32">
        <v>15.2</v>
      </c>
      <c r="G10" s="32">
        <v>10.6</v>
      </c>
      <c r="H10" s="32">
        <v>100</v>
      </c>
    </row>
    <row r="11" spans="1:9">
      <c r="A11" s="2" t="s">
        <v>31</v>
      </c>
    </row>
  </sheetData>
  <mergeCells count="1">
    <mergeCell ref="A2:E2"/>
  </mergeCells>
  <phoneticPr fontId="1"/>
  <pageMargins left="0.74803149606299213" right="0.74803149606299213" top="0.98425196850393704" bottom="0.98425196850393704" header="0.59055118110236227" footer="0.51181102362204722"/>
  <pageSetup paperSize="9" scale="94" orientation="portrait" r:id="rId1"/>
  <headerFooter scaleWithDoc="0">
    <oddHeader>&amp;L&amp;"HGPｺﾞｼｯｸM,ﾒﾃﾞｨｳﾑ"7社会福祉－1生活保護
&amp;14　2　生活保護開始、廃止の原因別構成（世帯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7-1-1</vt:lpstr>
      <vt:lpstr>7-1-2</vt:lpstr>
      <vt:lpstr>'7-1-1'!Print_Area</vt:lpstr>
      <vt:lpstr>'7-1-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3-29T06:03:44Z</cp:lastPrinted>
  <dcterms:created xsi:type="dcterms:W3CDTF">2020-12-09T02:47:32Z</dcterms:created>
  <dcterms:modified xsi:type="dcterms:W3CDTF">2021-03-29T06:03:49Z</dcterms:modified>
</cp:coreProperties>
</file>